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sldIdLst>
    <p:sldId id="257" r:id="rId5"/>
    <p:sldId id="287" r:id="rId6"/>
    <p:sldId id="290" r:id="rId7"/>
    <p:sldId id="292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04632"/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F547277-2756-4569-B1FA-C9401D8656F5}" v="3" dt="2026-07-20T11:05:59.972"/>
    <p1510:client id="{B88C26AB-8C21-4227-9E9E-D4BBCF3E2889}" v="10" dt="2026-07-20T11:02:50.23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240" autoAdjust="0"/>
    <p:restoredTop sz="94660"/>
  </p:normalViewPr>
  <p:slideViewPr>
    <p:cSldViewPr snapToGrid="0">
      <p:cViewPr varScale="1">
        <p:scale>
          <a:sx n="70" d="100"/>
          <a:sy n="70" d="100"/>
        </p:scale>
        <p:origin x="720" y="5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undo custSel modSld sldOrd">
      <pc:chgData name="Ramya Sreenivasan" userId="a475b1e1-b8a4-4bc9-945d-c16507be1bdc" providerId="ADAL" clId="{E3368EF7-2FD6-4BBE-B666-DF4276FE1F16}" dt="2026-07-20T11:02:50.238" v="115" actId="14826"/>
      <pc:docMkLst>
        <pc:docMk/>
      </pc:docMkLst>
      <pc:sldChg chg="addSp delSp modSp mod">
        <pc:chgData name="Ramya Sreenivasan" userId="a475b1e1-b8a4-4bc9-945d-c16507be1bdc" providerId="ADAL" clId="{E3368EF7-2FD6-4BBE-B666-DF4276FE1F16}" dt="2026-07-20T11:00:43.656" v="110" actId="14826"/>
        <pc:sldMkLst>
          <pc:docMk/>
          <pc:sldMk cId="2748576720" sldId="257"/>
        </pc:sldMkLst>
        <pc:spChg chg="add del mod modVis">
          <ac:chgData name="Ramya Sreenivasan" userId="a475b1e1-b8a4-4bc9-945d-c16507be1bdc" providerId="ADAL" clId="{E3368EF7-2FD6-4BBE-B666-DF4276FE1F16}" dt="2026-07-20T10:55:34.841" v="52" actId="478"/>
          <ac:spMkLst>
            <pc:docMk/>
            <pc:sldMk cId="2748576720" sldId="257"/>
            <ac:spMk id="3" creationId="{4B8FD893-D988-594C-A568-5BCEC575C5A4}"/>
          </ac:spMkLst>
        </pc:spChg>
        <pc:spChg chg="add del mod modVis">
          <ac:chgData name="Ramya Sreenivasan" userId="a475b1e1-b8a4-4bc9-945d-c16507be1bdc" providerId="ADAL" clId="{E3368EF7-2FD6-4BBE-B666-DF4276FE1F16}" dt="2026-07-20T10:55:36.985" v="57" actId="478"/>
          <ac:spMkLst>
            <pc:docMk/>
            <pc:sldMk cId="2748576720" sldId="257"/>
            <ac:spMk id="4" creationId="{B17441FC-E40F-196E-0302-C494946304D3}"/>
          </ac:spMkLst>
        </pc:spChg>
        <pc:spChg chg="add del mod modVis">
          <ac:chgData name="Ramya Sreenivasan" userId="a475b1e1-b8a4-4bc9-945d-c16507be1bdc" providerId="ADAL" clId="{E3368EF7-2FD6-4BBE-B666-DF4276FE1F16}" dt="2026-07-20T10:55:35.625" v="54" actId="478"/>
          <ac:spMkLst>
            <pc:docMk/>
            <pc:sldMk cId="2748576720" sldId="257"/>
            <ac:spMk id="5" creationId="{5343F856-735D-0D8B-B6CD-1BC341BC45CE}"/>
          </ac:spMkLst>
        </pc:spChg>
        <pc:spChg chg="add del mod">
          <ac:chgData name="Ramya Sreenivasan" userId="a475b1e1-b8a4-4bc9-945d-c16507be1bdc" providerId="ADAL" clId="{E3368EF7-2FD6-4BBE-B666-DF4276FE1F16}" dt="2026-07-20T10:55:38.315" v="59" actId="478"/>
          <ac:spMkLst>
            <pc:docMk/>
            <pc:sldMk cId="2748576720" sldId="257"/>
            <ac:spMk id="6" creationId="{6B5DABE7-A545-E111-FE86-46E29C4EFA56}"/>
          </ac:spMkLst>
        </pc:spChg>
        <pc:spChg chg="del mod modVis">
          <ac:chgData name="Ramya Sreenivasan" userId="a475b1e1-b8a4-4bc9-945d-c16507be1bdc" providerId="ADAL" clId="{E3368EF7-2FD6-4BBE-B666-DF4276FE1F16}" dt="2026-07-20T10:54:57.693" v="24" actId="478"/>
          <ac:spMkLst>
            <pc:docMk/>
            <pc:sldMk cId="2748576720" sldId="257"/>
            <ac:spMk id="9" creationId="{1E09653F-C65E-9D9C-E024-82848600339D}"/>
          </ac:spMkLst>
        </pc:spChg>
        <pc:spChg chg="add del mod">
          <ac:chgData name="Ramya Sreenivasan" userId="a475b1e1-b8a4-4bc9-945d-c16507be1bdc" providerId="ADAL" clId="{E3368EF7-2FD6-4BBE-B666-DF4276FE1F16}" dt="2026-07-20T10:55:39.880" v="61" actId="478"/>
          <ac:spMkLst>
            <pc:docMk/>
            <pc:sldMk cId="2748576720" sldId="257"/>
            <ac:spMk id="11" creationId="{E94FB1F1-9755-D450-03FC-A7D005A00E32}"/>
          </ac:spMkLst>
        </pc:spChg>
        <pc:spChg chg="del">
          <ac:chgData name="Ramya Sreenivasan" userId="a475b1e1-b8a4-4bc9-945d-c16507be1bdc" providerId="ADAL" clId="{E3368EF7-2FD6-4BBE-B666-DF4276FE1F16}" dt="2026-07-20T10:54:59.962" v="25" actId="478"/>
          <ac:spMkLst>
            <pc:docMk/>
            <pc:sldMk cId="2748576720" sldId="257"/>
            <ac:spMk id="16" creationId="{A8B114A4-2918-EB2B-8534-67CCE7C155A4}"/>
          </ac:spMkLst>
        </pc:spChg>
        <pc:spChg chg="add del mod modVis">
          <ac:chgData name="Ramya Sreenivasan" userId="a475b1e1-b8a4-4bc9-945d-c16507be1bdc" providerId="ADAL" clId="{E3368EF7-2FD6-4BBE-B666-DF4276FE1F16}" dt="2026-07-20T10:55:36.360" v="56" actId="478"/>
          <ac:spMkLst>
            <pc:docMk/>
            <pc:sldMk cId="2748576720" sldId="257"/>
            <ac:spMk id="35" creationId="{32CEF7D5-037E-404D-B964-AAAAD721CD04}"/>
          </ac:spMkLst>
        </pc:spChg>
        <pc:picChg chg="add del mod ord">
          <ac:chgData name="Ramya Sreenivasan" userId="a475b1e1-b8a4-4bc9-945d-c16507be1bdc" providerId="ADAL" clId="{E3368EF7-2FD6-4BBE-B666-DF4276FE1F16}" dt="2026-07-20T11:00:43.656" v="110" actId="14826"/>
          <ac:picMkLst>
            <pc:docMk/>
            <pc:sldMk cId="2748576720" sldId="257"/>
            <ac:picMk id="2" creationId="{7E877F00-4ED8-1B71-E914-C3B6117E5A23}"/>
          </ac:picMkLst>
        </pc:picChg>
        <pc:picChg chg="add del">
          <ac:chgData name="Ramya Sreenivasan" userId="a475b1e1-b8a4-4bc9-945d-c16507be1bdc" providerId="ADAL" clId="{E3368EF7-2FD6-4BBE-B666-DF4276FE1F16}" dt="2026-07-20T10:55:37.667" v="58" actId="478"/>
          <ac:picMkLst>
            <pc:docMk/>
            <pc:sldMk cId="2748576720" sldId="257"/>
            <ac:picMk id="7" creationId="{B0272A9F-73E8-241D-EFAA-B7226B8D39A4}"/>
          </ac:picMkLst>
        </pc:picChg>
        <pc:picChg chg="add del mod">
          <ac:chgData name="Ramya Sreenivasan" userId="a475b1e1-b8a4-4bc9-945d-c16507be1bdc" providerId="ADAL" clId="{E3368EF7-2FD6-4BBE-B666-DF4276FE1F16}" dt="2026-07-20T10:55:38.921" v="60" actId="478"/>
          <ac:picMkLst>
            <pc:docMk/>
            <pc:sldMk cId="2748576720" sldId="257"/>
            <ac:picMk id="8" creationId="{9F2DD99E-7B84-935A-9F29-0F21634F94F1}"/>
          </ac:picMkLst>
        </pc:picChg>
      </pc:sldChg>
      <pc:sldChg chg="modSp mod">
        <pc:chgData name="Ramya Sreenivasan" userId="a475b1e1-b8a4-4bc9-945d-c16507be1bdc" providerId="ADAL" clId="{E3368EF7-2FD6-4BBE-B666-DF4276FE1F16}" dt="2026-07-20T10:55:52.396" v="64" actId="1076"/>
        <pc:sldMkLst>
          <pc:docMk/>
          <pc:sldMk cId="2631217337" sldId="287"/>
        </pc:sldMkLst>
        <pc:spChg chg="mod">
          <ac:chgData name="Ramya Sreenivasan" userId="a475b1e1-b8a4-4bc9-945d-c16507be1bdc" providerId="ADAL" clId="{E3368EF7-2FD6-4BBE-B666-DF4276FE1F16}" dt="2026-07-20T10:52:58.014" v="0" actId="14826"/>
          <ac:spMkLst>
            <pc:docMk/>
            <pc:sldMk cId="2631217337" sldId="287"/>
            <ac:spMk id="7" creationId="{B3EC7A20-0DEC-0645-5D3D-C34564550892}"/>
          </ac:spMkLst>
        </pc:spChg>
        <pc:spChg chg="mod">
          <ac:chgData name="Ramya Sreenivasan" userId="a475b1e1-b8a4-4bc9-945d-c16507be1bdc" providerId="ADAL" clId="{E3368EF7-2FD6-4BBE-B666-DF4276FE1F16}" dt="2026-07-20T10:52:58.014" v="0" actId="14826"/>
          <ac:spMkLst>
            <pc:docMk/>
            <pc:sldMk cId="2631217337" sldId="287"/>
            <ac:spMk id="8" creationId="{A99B2EFC-BB00-6078-87C9-490911550EE5}"/>
          </ac:spMkLst>
        </pc:spChg>
        <pc:spChg chg="mod">
          <ac:chgData name="Ramya Sreenivasan" userId="a475b1e1-b8a4-4bc9-945d-c16507be1bdc" providerId="ADAL" clId="{E3368EF7-2FD6-4BBE-B666-DF4276FE1F16}" dt="2026-07-20T10:52:58.014" v="0" actId="14826"/>
          <ac:spMkLst>
            <pc:docMk/>
            <pc:sldMk cId="2631217337" sldId="287"/>
            <ac:spMk id="9" creationId="{D26305E5-EA07-2F71-C739-3D5690FB1A2D}"/>
          </ac:spMkLst>
        </pc:spChg>
        <pc:grpChg chg="mod">
          <ac:chgData name="Ramya Sreenivasan" userId="a475b1e1-b8a4-4bc9-945d-c16507be1bdc" providerId="ADAL" clId="{E3368EF7-2FD6-4BBE-B666-DF4276FE1F16}" dt="2026-07-20T10:55:52.396" v="64" actId="1076"/>
          <ac:grpSpMkLst>
            <pc:docMk/>
            <pc:sldMk cId="2631217337" sldId="287"/>
            <ac:grpSpMk id="2" creationId="{290CF65E-F36B-923F-0D78-75E98D31476B}"/>
          </ac:grpSpMkLst>
        </pc:grpChg>
        <pc:grpChg chg="mod">
          <ac:chgData name="Ramya Sreenivasan" userId="a475b1e1-b8a4-4bc9-945d-c16507be1bdc" providerId="ADAL" clId="{E3368EF7-2FD6-4BBE-B666-DF4276FE1F16}" dt="2026-07-20T10:52:58.014" v="0" actId="14826"/>
          <ac:grpSpMkLst>
            <pc:docMk/>
            <pc:sldMk cId="2631217337" sldId="287"/>
            <ac:grpSpMk id="6" creationId="{6A2C4DE3-69CA-807D-0911-8E7068C2CD88}"/>
          </ac:grpSpMkLst>
        </pc:grpChg>
        <pc:picChg chg="mod">
          <ac:chgData name="Ramya Sreenivasan" userId="a475b1e1-b8a4-4bc9-945d-c16507be1bdc" providerId="ADAL" clId="{E3368EF7-2FD6-4BBE-B666-DF4276FE1F16}" dt="2026-07-20T10:52:58.014" v="0" actId="14826"/>
          <ac:picMkLst>
            <pc:docMk/>
            <pc:sldMk cId="2631217337" sldId="287"/>
            <ac:picMk id="4" creationId="{B26F956C-65DF-1CB1-13C2-ED289FB657EE}"/>
          </ac:picMkLst>
        </pc:picChg>
      </pc:sldChg>
      <pc:sldChg chg="addSp delSp modSp mod ord">
        <pc:chgData name="Ramya Sreenivasan" userId="a475b1e1-b8a4-4bc9-945d-c16507be1bdc" providerId="ADAL" clId="{E3368EF7-2FD6-4BBE-B666-DF4276FE1F16}" dt="2026-07-20T11:00:55.193" v="114"/>
        <pc:sldMkLst>
          <pc:docMk/>
          <pc:sldMk cId="1830699753" sldId="290"/>
        </pc:sldMkLst>
        <pc:spChg chg="add del mod">
          <ac:chgData name="Ramya Sreenivasan" userId="a475b1e1-b8a4-4bc9-945d-c16507be1bdc" providerId="ADAL" clId="{E3368EF7-2FD6-4BBE-B666-DF4276FE1F16}" dt="2026-07-20T10:56:23.009" v="71" actId="478"/>
          <ac:spMkLst>
            <pc:docMk/>
            <pc:sldMk cId="1830699753" sldId="290"/>
            <ac:spMk id="3" creationId="{0CF6F76F-58BB-5BEF-B333-91A70656F2B7}"/>
          </ac:spMkLst>
        </pc:spChg>
        <pc:spChg chg="del mod modVis">
          <ac:chgData name="Ramya Sreenivasan" userId="a475b1e1-b8a4-4bc9-945d-c16507be1bdc" providerId="ADAL" clId="{E3368EF7-2FD6-4BBE-B666-DF4276FE1F16}" dt="2026-07-20T10:57:23.594" v="87" actId="478"/>
          <ac:spMkLst>
            <pc:docMk/>
            <pc:sldMk cId="1830699753" sldId="290"/>
            <ac:spMk id="4" creationId="{3DFFCCB3-9DEF-5217-C7D5-BADF0819A445}"/>
          </ac:spMkLst>
        </pc:spChg>
        <pc:spChg chg="del mod modVis">
          <ac:chgData name="Ramya Sreenivasan" userId="a475b1e1-b8a4-4bc9-945d-c16507be1bdc" providerId="ADAL" clId="{E3368EF7-2FD6-4BBE-B666-DF4276FE1F16}" dt="2026-07-20T10:56:23.743" v="72" actId="478"/>
          <ac:spMkLst>
            <pc:docMk/>
            <pc:sldMk cId="1830699753" sldId="290"/>
            <ac:spMk id="6" creationId="{0F224D8B-1401-01AD-2E1E-298C86859C81}"/>
          </ac:spMkLst>
        </pc:spChg>
        <pc:spChg chg="mod">
          <ac:chgData name="Ramya Sreenivasan" userId="a475b1e1-b8a4-4bc9-945d-c16507be1bdc" providerId="ADAL" clId="{E3368EF7-2FD6-4BBE-B666-DF4276FE1F16}" dt="2026-07-20T10:57:35.153" v="88"/>
          <ac:spMkLst>
            <pc:docMk/>
            <pc:sldMk cId="1830699753" sldId="290"/>
            <ac:spMk id="7" creationId="{22BEFDDE-4F75-E4C1-D461-F2DC7262A728}"/>
          </ac:spMkLst>
        </pc:spChg>
        <pc:spChg chg="del mod modVis">
          <ac:chgData name="Ramya Sreenivasan" userId="a475b1e1-b8a4-4bc9-945d-c16507be1bdc" providerId="ADAL" clId="{E3368EF7-2FD6-4BBE-B666-DF4276FE1F16}" dt="2026-07-20T10:57:22.041" v="85" actId="478"/>
          <ac:spMkLst>
            <pc:docMk/>
            <pc:sldMk cId="1830699753" sldId="290"/>
            <ac:spMk id="16" creationId="{FC70801A-6C30-BF7B-B708-9C1025803BF8}"/>
          </ac:spMkLst>
        </pc:spChg>
        <pc:spChg chg="del mod modVis">
          <ac:chgData name="Ramya Sreenivasan" userId="a475b1e1-b8a4-4bc9-945d-c16507be1bdc" providerId="ADAL" clId="{E3368EF7-2FD6-4BBE-B666-DF4276FE1F16}" dt="2026-07-20T10:57:12.945" v="79" actId="478"/>
          <ac:spMkLst>
            <pc:docMk/>
            <pc:sldMk cId="1830699753" sldId="290"/>
            <ac:spMk id="24" creationId="{366FB2E1-5E49-085D-7279-B0062D39D898}"/>
          </ac:spMkLst>
        </pc:spChg>
        <pc:spChg chg="del mod modVis">
          <ac:chgData name="Ramya Sreenivasan" userId="a475b1e1-b8a4-4bc9-945d-c16507be1bdc" providerId="ADAL" clId="{E3368EF7-2FD6-4BBE-B666-DF4276FE1F16}" dt="2026-07-20T10:57:13.714" v="81" actId="478"/>
          <ac:spMkLst>
            <pc:docMk/>
            <pc:sldMk cId="1830699753" sldId="290"/>
            <ac:spMk id="25" creationId="{EB13819F-B49E-D35D-0D0C-BC851B9E8ACC}"/>
          </ac:spMkLst>
        </pc:spChg>
        <pc:spChg chg="del mod modVis">
          <ac:chgData name="Ramya Sreenivasan" userId="a475b1e1-b8a4-4bc9-945d-c16507be1bdc" providerId="ADAL" clId="{E3368EF7-2FD6-4BBE-B666-DF4276FE1F16}" dt="2026-07-20T10:57:18.480" v="83" actId="478"/>
          <ac:spMkLst>
            <pc:docMk/>
            <pc:sldMk cId="1830699753" sldId="290"/>
            <ac:spMk id="30" creationId="{1FCC11C5-30B0-29D7-2555-EE00887DAECF}"/>
          </ac:spMkLst>
        </pc:spChg>
        <pc:picChg chg="add del mod ord">
          <ac:chgData name="Ramya Sreenivasan" userId="a475b1e1-b8a4-4bc9-945d-c16507be1bdc" providerId="ADAL" clId="{E3368EF7-2FD6-4BBE-B666-DF4276FE1F16}" dt="2026-07-20T10:57:11.033" v="77"/>
          <ac:picMkLst>
            <pc:docMk/>
            <pc:sldMk cId="1830699753" sldId="290"/>
            <ac:picMk id="2" creationId="{C4A91859-DAEA-4C22-1362-9EBAC0365C4B}"/>
          </ac:picMkLst>
        </pc:picChg>
        <pc:picChg chg="add del mod">
          <ac:chgData name="Ramya Sreenivasan" userId="a475b1e1-b8a4-4bc9-945d-c16507be1bdc" providerId="ADAL" clId="{E3368EF7-2FD6-4BBE-B666-DF4276FE1F16}" dt="2026-07-20T10:56:20.651" v="70" actId="478"/>
          <ac:picMkLst>
            <pc:docMk/>
            <pc:sldMk cId="1830699753" sldId="290"/>
            <ac:picMk id="8" creationId="{EEF5D0FF-243F-A5D7-B5F0-C065BCB169AA}"/>
          </ac:picMkLst>
        </pc:picChg>
        <pc:picChg chg="del">
          <ac:chgData name="Ramya Sreenivasan" userId="a475b1e1-b8a4-4bc9-945d-c16507be1bdc" providerId="ADAL" clId="{E3368EF7-2FD6-4BBE-B666-DF4276FE1F16}" dt="2026-07-20T10:56:16.549" v="67" actId="478"/>
          <ac:picMkLst>
            <pc:docMk/>
            <pc:sldMk cId="1830699753" sldId="290"/>
            <ac:picMk id="9" creationId="{5BDC9F6D-E9BF-390B-B9FE-E97FFFA44CB5}"/>
          </ac:picMkLst>
        </pc:picChg>
      </pc:sldChg>
      <pc:sldChg chg="addSp delSp modSp mod ord">
        <pc:chgData name="Ramya Sreenivasan" userId="a475b1e1-b8a4-4bc9-945d-c16507be1bdc" providerId="ADAL" clId="{E3368EF7-2FD6-4BBE-B666-DF4276FE1F16}" dt="2026-07-20T11:02:50.238" v="115" actId="14826"/>
        <pc:sldMkLst>
          <pc:docMk/>
          <pc:sldMk cId="1827011912" sldId="292"/>
        </pc:sldMkLst>
        <pc:spChg chg="del mod modVis">
          <ac:chgData name="Ramya Sreenivasan" userId="a475b1e1-b8a4-4bc9-945d-c16507be1bdc" providerId="ADAL" clId="{E3368EF7-2FD6-4BBE-B666-DF4276FE1F16}" dt="2026-07-20T10:57:45.300" v="94" actId="478"/>
          <ac:spMkLst>
            <pc:docMk/>
            <pc:sldMk cId="1827011912" sldId="292"/>
            <ac:spMk id="3" creationId="{8837BDFD-1BBA-6136-1FE6-404DDCE938CD}"/>
          </ac:spMkLst>
        </pc:spChg>
        <pc:spChg chg="del mod modVis">
          <ac:chgData name="Ramya Sreenivasan" userId="a475b1e1-b8a4-4bc9-945d-c16507be1bdc" providerId="ADAL" clId="{E3368EF7-2FD6-4BBE-B666-DF4276FE1F16}" dt="2026-07-20T10:57:44.469" v="92" actId="478"/>
          <ac:spMkLst>
            <pc:docMk/>
            <pc:sldMk cId="1827011912" sldId="292"/>
            <ac:spMk id="4" creationId="{E649A231-8958-2CF7-DF95-5D2E4CA03300}"/>
          </ac:spMkLst>
        </pc:spChg>
        <pc:spChg chg="del mod modVis">
          <ac:chgData name="Ramya Sreenivasan" userId="a475b1e1-b8a4-4bc9-945d-c16507be1bdc" providerId="ADAL" clId="{E3368EF7-2FD6-4BBE-B666-DF4276FE1F16}" dt="2026-07-20T10:57:46.131" v="96" actId="478"/>
          <ac:spMkLst>
            <pc:docMk/>
            <pc:sldMk cId="1827011912" sldId="292"/>
            <ac:spMk id="6" creationId="{4FF02C09-FBBA-4B26-BE6F-CB20E9FB266E}"/>
          </ac:spMkLst>
        </pc:spChg>
        <pc:spChg chg="add mod">
          <ac:chgData name="Ramya Sreenivasan" userId="a475b1e1-b8a4-4bc9-945d-c16507be1bdc" providerId="ADAL" clId="{E3368EF7-2FD6-4BBE-B666-DF4276FE1F16}" dt="2026-07-20T10:53:31.123" v="10"/>
          <ac:spMkLst>
            <pc:docMk/>
            <pc:sldMk cId="1827011912" sldId="292"/>
            <ac:spMk id="7" creationId="{F0A49CD9-4D71-E8D3-60B1-8382152C165F}"/>
          </ac:spMkLst>
        </pc:spChg>
        <pc:spChg chg="del mod modVis">
          <ac:chgData name="Ramya Sreenivasan" userId="a475b1e1-b8a4-4bc9-945d-c16507be1bdc" providerId="ADAL" clId="{E3368EF7-2FD6-4BBE-B666-DF4276FE1F16}" dt="2026-07-20T10:57:47.774" v="100" actId="478"/>
          <ac:spMkLst>
            <pc:docMk/>
            <pc:sldMk cId="1827011912" sldId="292"/>
            <ac:spMk id="16" creationId="{73313FE1-30E2-347A-7318-8322950E5091}"/>
          </ac:spMkLst>
        </pc:spChg>
        <pc:spChg chg="del mod modVis">
          <ac:chgData name="Ramya Sreenivasan" userId="a475b1e1-b8a4-4bc9-945d-c16507be1bdc" providerId="ADAL" clId="{E3368EF7-2FD6-4BBE-B666-DF4276FE1F16}" dt="2026-07-20T10:57:49.414" v="104" actId="478"/>
          <ac:spMkLst>
            <pc:docMk/>
            <pc:sldMk cId="1827011912" sldId="292"/>
            <ac:spMk id="24" creationId="{59810F6B-A867-F079-E434-29F36E90A23A}"/>
          </ac:spMkLst>
        </pc:spChg>
        <pc:spChg chg="del mod modVis">
          <ac:chgData name="Ramya Sreenivasan" userId="a475b1e1-b8a4-4bc9-945d-c16507be1bdc" providerId="ADAL" clId="{E3368EF7-2FD6-4BBE-B666-DF4276FE1F16}" dt="2026-07-20T10:57:48.620" v="102" actId="478"/>
          <ac:spMkLst>
            <pc:docMk/>
            <pc:sldMk cId="1827011912" sldId="292"/>
            <ac:spMk id="25" creationId="{CAC0E673-B7F2-E615-D2BA-1E50E11AB11A}"/>
          </ac:spMkLst>
        </pc:spChg>
        <pc:spChg chg="del mod modVis">
          <ac:chgData name="Ramya Sreenivasan" userId="a475b1e1-b8a4-4bc9-945d-c16507be1bdc" providerId="ADAL" clId="{E3368EF7-2FD6-4BBE-B666-DF4276FE1F16}" dt="2026-07-20T10:57:46.965" v="98" actId="478"/>
          <ac:spMkLst>
            <pc:docMk/>
            <pc:sldMk cId="1827011912" sldId="292"/>
            <ac:spMk id="30" creationId="{E8C0DF16-4138-47DE-6D3B-13ED07B5D183}"/>
          </ac:spMkLst>
        </pc:spChg>
        <pc:picChg chg="mod ord">
          <ac:chgData name="Ramya Sreenivasan" userId="a475b1e1-b8a4-4bc9-945d-c16507be1bdc" providerId="ADAL" clId="{E3368EF7-2FD6-4BBE-B666-DF4276FE1F16}" dt="2026-07-20T11:02:50.238" v="115" actId="14826"/>
          <ac:picMkLst>
            <pc:docMk/>
            <pc:sldMk cId="1827011912" sldId="292"/>
            <ac:picMk id="2" creationId="{A3B5E9AE-3906-EA3C-1B42-B87C927B9519}"/>
          </ac:picMkLst>
        </pc:picChg>
        <pc:picChg chg="del mod modVis">
          <ac:chgData name="Ramya Sreenivasan" userId="a475b1e1-b8a4-4bc9-945d-c16507be1bdc" providerId="ADAL" clId="{E3368EF7-2FD6-4BBE-B666-DF4276FE1F16}" dt="2026-07-20T10:57:43.637" v="90" actId="478"/>
          <ac:picMkLst>
            <pc:docMk/>
            <pc:sldMk cId="1827011912" sldId="292"/>
            <ac:picMk id="5" creationId="{DE8D788D-4F38-25C4-40B8-6F52E6BDEA05}"/>
          </ac:picMkLst>
        </pc:picChg>
        <pc:picChg chg="add mod">
          <ac:chgData name="Ramya Sreenivasan" userId="a475b1e1-b8a4-4bc9-945d-c16507be1bdc" providerId="ADAL" clId="{E3368EF7-2FD6-4BBE-B666-DF4276FE1F16}" dt="2026-07-20T10:53:31.123" v="10"/>
          <ac:picMkLst>
            <pc:docMk/>
            <pc:sldMk cId="1827011912" sldId="292"/>
            <ac:picMk id="8" creationId="{5CE53528-C37D-F991-3A42-2216D9847CCF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93EBE0-D9F5-40A4-9B75-7CDE05D9BA80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B49210-A115-4A3B-A55C-A8D54F423D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3308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0/07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794281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7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C606468-B178-8E22-BEAA-ADAA8B8636B7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  <p:sldLayoutId id="2147483662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orld-data-symposi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12191998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D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D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290CF65E-F36B-923F-0D78-75E98D31476B}"/>
              </a:ext>
            </a:extLst>
          </p:cNvPr>
          <p:cNvGrpSpPr/>
          <p:nvPr/>
        </p:nvGrpSpPr>
        <p:grpSpPr>
          <a:xfrm>
            <a:off x="3964155" y="3871416"/>
            <a:ext cx="3831890" cy="2154949"/>
            <a:chOff x="3964155" y="3871416"/>
            <a:chExt cx="3831890" cy="2154949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B26F956C-65DF-1CB1-13C2-ED289FB657E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3964155" y="3871416"/>
              <a:ext cx="3831890" cy="2154949"/>
            </a:xfrm>
            <a:prstGeom prst="rect">
              <a:avLst/>
            </a:prstGeom>
          </p:spPr>
        </p:pic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6A2C4DE3-69CA-807D-0911-8E7068C2CD88}"/>
                </a:ext>
              </a:extLst>
            </p:cNvPr>
            <p:cNvGrpSpPr/>
            <p:nvPr/>
          </p:nvGrpSpPr>
          <p:grpSpPr>
            <a:xfrm>
              <a:off x="6559644" y="4067143"/>
              <a:ext cx="582267" cy="1087771"/>
              <a:chOff x="1625157" y="797455"/>
              <a:chExt cx="991732" cy="1979947"/>
            </a:xfrm>
          </p:grpSpPr>
          <p:sp>
            <p:nvSpPr>
              <p:cNvPr id="7" name="Freeform 5">
                <a:extLst>
                  <a:ext uri="{FF2B5EF4-FFF2-40B4-BE49-F238E27FC236}">
                    <a16:creationId xmlns:a16="http://schemas.microsoft.com/office/drawing/2014/main" id="{B3EC7A20-0DEC-0645-5D3D-C34564550892}"/>
                  </a:ext>
                </a:extLst>
              </p:cNvPr>
              <p:cNvSpPr/>
              <p:nvPr/>
            </p:nvSpPr>
            <p:spPr bwMode="auto">
              <a:xfrm flipH="1">
                <a:off x="1626302" y="1790382"/>
                <a:ext cx="985835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A99B2EFC-BB00-6078-87C9-490911550EE5}"/>
                  </a:ext>
                </a:extLst>
              </p:cNvPr>
              <p:cNvSpPr/>
              <p:nvPr/>
            </p:nvSpPr>
            <p:spPr bwMode="auto">
              <a:xfrm>
                <a:off x="1625157" y="797455"/>
                <a:ext cx="991732" cy="992927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9" name="Freeform: Shape 8">
                <a:extLst>
                  <a:ext uri="{FF2B5EF4-FFF2-40B4-BE49-F238E27FC236}">
                    <a16:creationId xmlns:a16="http://schemas.microsoft.com/office/drawing/2014/main" id="{D26305E5-EA07-2F71-C739-3D5690FB1A2D}"/>
                  </a:ext>
                </a:extLst>
              </p:cNvPr>
              <p:cNvSpPr/>
              <p:nvPr/>
            </p:nvSpPr>
            <p:spPr bwMode="auto">
              <a:xfrm rot="16200000">
                <a:off x="2004015" y="1333413"/>
                <a:ext cx="230410" cy="460404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631217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12191998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b="1" dirty="0">
                <a:latin typeface="Aktiv Grotesk" panose="020B0504020202020204"/>
              </a:rPr>
              <a:t>Type </a:t>
            </a:r>
            <a:r>
              <a:rPr lang="fr-FR" b="1" dirty="0" err="1">
                <a:latin typeface="Aktiv Grotesk" panose="020B0504020202020204"/>
              </a:rPr>
              <a:t>your</a:t>
            </a:r>
            <a:r>
              <a:rPr lang="fr-FR" b="1" dirty="0">
                <a:latin typeface="Aktiv Grotesk" panose="020B0504020202020204"/>
              </a:rPr>
              <a:t> message </a:t>
            </a:r>
            <a:r>
              <a:rPr lang="fr-FR" b="1" dirty="0" err="1">
                <a:latin typeface="Aktiv Grotesk" panose="020B0504020202020204"/>
              </a:rPr>
              <a:t>here</a:t>
            </a:r>
            <a:r>
              <a:rPr lang="fr-FR" b="1" dirty="0">
                <a:latin typeface="Aktiv Grotesk" panose="020B0504020202020204"/>
              </a:rPr>
              <a:t> </a:t>
            </a:r>
            <a:r>
              <a:rPr lang="fr-FR" dirty="0">
                <a:latin typeface="Aktiv Grotesk" panose="020B0504020202020204"/>
              </a:rPr>
              <a:t>…</a:t>
            </a:r>
            <a:br>
              <a:rPr lang="fr-FR" dirty="0">
                <a:latin typeface="Aktiv Grotesk" panose="020B0504020202020204"/>
              </a:rPr>
            </a:br>
            <a:r>
              <a:rPr lang="fr-FR" dirty="0">
                <a:latin typeface="Aktiv Grotesk" panose="020B0504020202020204"/>
              </a:rPr>
              <a:t>You can </a:t>
            </a:r>
            <a:r>
              <a:rPr lang="fr-FR" dirty="0" err="1">
                <a:latin typeface="Aktiv Grotesk" panose="020B0504020202020204"/>
              </a:rPr>
              <a:t>add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name</a:t>
            </a:r>
            <a:r>
              <a:rPr lang="fr-FR" dirty="0">
                <a:latin typeface="Aktiv Grotesk" panose="020B0504020202020204"/>
              </a:rPr>
              <a:t>, </a:t>
            </a:r>
            <a:r>
              <a:rPr lang="fr-FR" dirty="0" err="1">
                <a:latin typeface="Aktiv Grotesk" panose="020B0504020202020204"/>
              </a:rPr>
              <a:t>your</a:t>
            </a:r>
            <a:r>
              <a:rPr lang="fr-FR" dirty="0">
                <a:latin typeface="Aktiv Grotesk" panose="020B0504020202020204"/>
              </a:rPr>
              <a:t> session or </a:t>
            </a:r>
            <a:r>
              <a:rPr lang="fr-FR" dirty="0" err="1">
                <a:latin typeface="Aktiv Grotesk" panose="020B0504020202020204"/>
              </a:rPr>
              <a:t>any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other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ording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you</a:t>
            </a:r>
            <a:r>
              <a:rPr lang="fr-FR" dirty="0">
                <a:latin typeface="Aktiv Grotesk" panose="020B0504020202020204"/>
              </a:rPr>
              <a:t> </a:t>
            </a:r>
            <a:r>
              <a:rPr lang="fr-FR" dirty="0" err="1">
                <a:latin typeface="Aktiv Grotesk" panose="020B0504020202020204"/>
              </a:rPr>
              <a:t>wish</a:t>
            </a:r>
            <a:r>
              <a:rPr lang="fr-FR" dirty="0">
                <a:latin typeface="Aktiv Grotesk" panose="020B0504020202020204"/>
              </a:rPr>
              <a:t>. </a:t>
            </a:r>
            <a:r>
              <a:rPr lang="fr-FR" dirty="0" err="1">
                <a:latin typeface="Aktiv Grotesk" panose="020B0504020202020204"/>
              </a:rPr>
              <a:t>Reduce</a:t>
            </a:r>
            <a:r>
              <a:rPr lang="fr-FR" dirty="0">
                <a:latin typeface="Aktiv Grotesk" panose="020B0504020202020204"/>
              </a:rPr>
              <a:t> font size as </a:t>
            </a:r>
            <a:r>
              <a:rPr lang="fr-FR" dirty="0" err="1">
                <a:latin typeface="Aktiv Grotesk" panose="020B0504020202020204"/>
              </a:rPr>
              <a:t>needed</a:t>
            </a:r>
            <a:r>
              <a:rPr lang="fr-FR" dirty="0">
                <a:latin typeface="Aktiv Grotesk" panose="020B0504020202020204"/>
              </a:rPr>
              <a:t>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06997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7736F5C-5576-D71A-6CAC-0F5AFB0659E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A3B5E9AE-3906-EA3C-1B42-B87C927B95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8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0119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0a6f9b3e-af18-45a9-97c5-3044e31b4b24" xsi:nil="true"/>
    <lcf76f155ced4ddcb4097134ff3c332f xmlns="ba0cd677-c39a-4e9b-a8e7-20a7111be58e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41AFABF101727469D49CD20140ED2D6" ma:contentTypeVersion="11" ma:contentTypeDescription="Create a new document." ma:contentTypeScope="" ma:versionID="c6ba910a143c269b97133d717b069bda">
  <xsd:schema xmlns:xsd="http://www.w3.org/2001/XMLSchema" xmlns:xs="http://www.w3.org/2001/XMLSchema" xmlns:p="http://schemas.microsoft.com/office/2006/metadata/properties" xmlns:ns2="ba0cd677-c39a-4e9b-a8e7-20a7111be58e" xmlns:ns3="0a6f9b3e-af18-45a9-97c5-3044e31b4b24" targetNamespace="http://schemas.microsoft.com/office/2006/metadata/properties" ma:root="true" ma:fieldsID="e73b66c2b9807d4a68e1489257b8bb8d" ns2:_="" ns3:_="">
    <xsd:import namespace="ba0cd677-c39a-4e9b-a8e7-20a7111be58e"/>
    <xsd:import namespace="0a6f9b3e-af18-45a9-97c5-3044e31b4b2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a0cd677-c39a-4e9b-a8e7-20a7111be58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4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6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Location" ma:index="18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a6f9b3e-af18-45a9-97c5-3044e31b4b24" elementFormDefault="qualified">
    <xsd:import namespace="http://schemas.microsoft.com/office/2006/documentManagement/types"/>
    <xsd:import namespace="http://schemas.microsoft.com/office/infopath/2007/PartnerControls"/>
    <xsd:element name="TaxCatchAll" ma:index="17" nillable="true" ma:displayName="Taxonomy Catch All Column" ma:hidden="true" ma:list="{a81ae753-397f-41e6-83a6-575c952945e8}" ma:internalName="TaxCatchAll" ma:showField="CatchAllData" ma:web="0a6f9b3e-af18-45a9-97c5-3044e31b4b2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www.w3.org/XML/1998/namespace"/>
    <ds:schemaRef ds:uri="http://purl.org/dc/elements/1.1/"/>
    <ds:schemaRef ds:uri="http://schemas.microsoft.com/office/2006/documentManagement/types"/>
    <ds:schemaRef ds:uri="0a6f9b3e-af18-45a9-97c5-3044e31b4b24"/>
    <ds:schemaRef ds:uri="http://purl.org/dc/dcmitype/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ba0cd677-c39a-4e9b-a8e7-20a7111be58e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4317B530-8B62-4F72-AB89-2737D3A7C44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a0cd677-c39a-4e9b-a8e7-20a7111be58e"/>
    <ds:schemaRef ds:uri="0a6f9b3e-af18-45a9-97c5-3044e31b4b2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Ramya Sreenivasan</cp:lastModifiedBy>
  <cp:revision>10</cp:revision>
  <dcterms:created xsi:type="dcterms:W3CDTF">2023-06-13T12:34:15Z</dcterms:created>
  <dcterms:modified xsi:type="dcterms:W3CDTF">2026-07-20T11:06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41AFABF101727469D49CD20140ED2D6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